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r>
        <w:rPr>
          <w:rFonts w:ascii="Calibri" w:eastAsiaTheme="minorHAnsi" w:hAnsi="Calibri"/>
          <w:sz w:val="22"/>
          <w:szCs w:val="22"/>
        </w:rPr>
        <w:t>$:</w:t>
      </w:r>
      <w:r>
        <w:t xml:space="preserve">Supplier </w:t>
      </w:r>
      <w:r>
        <w:rPr>
          <w:rFonts w:ascii="Calibri" w:eastAsia="Calibri" w:hAnsi="Calibri" w:cs="Calibri"/>
        </w:rPr>
        <w:t>Company Name</w:t>
      </w:r>
      <w:r>
        <w:t xml:space="preserve"> |R$|D$:</w:t>
      </w:r>
      <w:r w:rsidRPr="004B00AA">
        <w:t>Select reference file</w:t>
      </w:r>
      <w:r>
        <w:rPr>
          <w:rFonts w:ascii="Calibri" w:eastAsiaTheme="minorHAnsi" w:hAnsi="Calibri"/>
          <w:sz w:val="22"/>
          <w:szCs w:val="22"/>
        </w:rPr>
        <w:t>|</w:t>
      </w:r>
      <w:r w:rsidRPr="00D76C2D">
        <w:rPr>
          <w:rFonts w:ascii="Calibri" w:eastAsiaTheme="minorHAnsi" w:hAnsi="Calibri"/>
          <w:sz w:val="22"/>
          <w:szCs w:val="22"/>
          <w:highlight w:val="yellow"/>
        </w:rPr>
        <w:t>Oxey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r>
        <w:rPr>
          <w:rFonts w:ascii="Calibri" w:eastAsiaTheme="minorHAnsi" w:hAnsi="Calibri"/>
          <w:sz w:val="22"/>
          <w:szCs w:val="22"/>
        </w:rPr>
        <w:t>$:Previous SLF Agreement Date</w:t>
      </w:r>
      <w:r w:rsidRPr="00C61C84">
        <w:t>|DATE:MMMM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MSSA Effective Date</w:t>
      </w:r>
      <w:r w:rsidRPr="00C61C84">
        <w:t>|DATE:MMMM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DATE:MMMM d, yyyy|D$:</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is page (“Cover Sheet”);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Terms and Conditions below;</w:t>
      </w:r>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Addresses and contacts for notices</w:t>
      </w:r>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Mojang Employee Full name </w:t>
            </w:r>
            <w:r w:rsidRPr="00883375">
              <w:rPr>
                <w:rFonts w:ascii="Calibri" w:eastAsia="Calibri" w:hAnsi="Calibri" w:cs="Calibri"/>
                <w:bdr w:val="none" w:sz="0" w:space="0" w:color="auto" w:frame="1"/>
              </w:rPr>
              <w:t>|</w:t>
            </w:r>
            <w:r w:rsidRPr="00883375">
              <w:t xml:space="preserve"> D$:Select reference file|NoUserInput|</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Jonas Mårtensson</w:t>
            </w:r>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r w:rsidRPr="00883375">
              <w:rPr>
                <w:rFonts w:ascii="Calibri" w:hAnsi="Calibri"/>
                <w:sz w:val="22"/>
                <w:szCs w:val="22"/>
              </w:rPr>
              <w:t>$:</w:t>
            </w:r>
            <w:r w:rsidRPr="00883375">
              <w:rPr>
                <w:rFonts w:eastAsia="Arial Unicode MS"/>
                <w:bdr w:val="none" w:sz="0" w:space="0" w:color="auto" w:frame="1"/>
              </w:rPr>
              <w:t xml:space="preserve">Supplier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Brynolf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600 | $:Mojang Employee Address</w:t>
            </w:r>
            <w:r w:rsidRPr="00883375">
              <w:rPr>
                <w:rFonts w:ascii="Calibri" w:eastAsia="Calibri" w:hAnsi="Calibri" w:cs="Calibri"/>
                <w:bdr w:val="none" w:sz="0" w:space="0" w:color="auto" w:frame="1"/>
              </w:rPr>
              <w:t>|</w:t>
            </w:r>
            <w:r w:rsidRPr="00883375">
              <w:t xml:space="preserve"> D$:Select reference file|NoUserInput|</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w:t>
            </w:r>
            <w:r w:rsidRPr="00883375">
              <w:t xml:space="preserve"> D$:</w:t>
            </w:r>
            <w:r w:rsidRPr="00883375">
              <w:rPr>
                <w:rFonts w:ascii="Calibri" w:hAnsi="Calibri" w:cs="Calibri"/>
                <w:sz w:val="22"/>
                <w:szCs w:val="22"/>
              </w:rPr>
              <w:t>Söder Mälarstrand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r w:rsidRPr="00883375">
              <w:rPr>
                <w:rFonts w:ascii="Calibri" w:hAnsi="Calibri"/>
                <w:sz w:val="22"/>
                <w:szCs w:val="22"/>
              </w:rPr>
              <w:t>$:Supplier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r w:rsidRPr="00883375">
              <w:rPr>
                <w:rFonts w:ascii="Calibri" w:hAnsi="Calibri" w:cs="Calibri"/>
                <w:sz w:val="22"/>
                <w:szCs w:val="22"/>
              </w:rPr>
              <w:t>Frustunavägen 40, 125 40 Älvsjö,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700 | $:Mojang Employee Phone number</w:t>
            </w:r>
            <w:r w:rsidRPr="00883375">
              <w:rPr>
                <w:rFonts w:ascii="Calibri" w:eastAsia="Calibri" w:hAnsi="Calibri" w:cs="Calibri"/>
                <w:bdr w:val="none" w:sz="0" w:space="0" w:color="auto" w:frame="1"/>
              </w:rPr>
              <w:t>|</w:t>
            </w:r>
            <w:r w:rsidRPr="00883375">
              <w:t xml:space="preserve"> D$:Select reference file|NoUserInput|</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r w:rsidRPr="00883375">
              <w:rPr>
                <w:rFonts w:ascii="Calibri" w:hAnsi="Calibri"/>
                <w:sz w:val="22"/>
                <w:szCs w:val="22"/>
              </w:rPr>
              <w:t xml:space="preserve">$:Supplier Phone Number </w:t>
            </w:r>
            <w:r w:rsidRPr="00883375">
              <w:rPr>
                <w:rFonts w:ascii="Calibri" w:eastAsia="Calibri" w:hAnsi="Calibri" w:cs="Calibri"/>
                <w:bdr w:val="none" w:sz="0" w:space="0" w:color="auto" w:frame="1"/>
              </w:rPr>
              <w:t>|</w:t>
            </w:r>
            <w:r w:rsidRPr="00883375">
              <w:t xml:space="preserve"> D$:Select reference file|</w:t>
            </w:r>
            <w:r w:rsidRPr="00883375">
              <w:rPr>
                <w:rFonts w:ascii="Calibri" w:eastAsia="Calibri" w:hAnsi="Calibri" w:cs="Calibri"/>
                <w:bdr w:val="none" w:sz="0" w:space="0" w:color="auto" w:frame="1"/>
              </w:rPr>
              <w:t>R$</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r w:rsidRPr="00883375">
              <w:rPr>
                <w:rFonts w:ascii="Calibri" w:hAnsi="Calibri"/>
                <w:sz w:val="22"/>
                <w:szCs w:val="22"/>
              </w:rPr>
              <w:t xml:space="preserve">$:Mojang Employee Fax Number </w:t>
            </w:r>
            <w:r w:rsidRPr="00883375">
              <w:rPr>
                <w:rFonts w:ascii="Calibri" w:eastAsia="Calibri" w:hAnsi="Calibri" w:cs="Calibri"/>
                <w:bdr w:val="none" w:sz="0" w:space="0" w:color="auto" w:frame="1"/>
              </w:rPr>
              <w:t>|</w:t>
            </w:r>
            <w:r w:rsidRPr="00883375">
              <w:t xml:space="preserve"> D$:Select reference file|NoUserInput|</w:t>
            </w:r>
            <w:r w:rsidRPr="00883375">
              <w:rPr>
                <w:rFonts w:ascii="Calibri" w:eastAsia="Calibri" w:hAnsi="Calibri" w:cs="Calibri"/>
                <w:bdr w:val="none" w:sz="0" w:space="0" w:color="auto" w:frame="1"/>
              </w:rPr>
              <w:t>R$</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r w:rsidRPr="00883375">
              <w:rPr>
                <w:rFonts w:ascii="Calibri" w:hAnsi="Calibri"/>
                <w:sz w:val="22"/>
                <w:szCs w:val="22"/>
              </w:rPr>
              <w:t xml:space="preserve">$:Supplier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Select reference file|NoUserInput|R$</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r w:rsidRPr="00883375">
              <w:rPr>
                <w:rFonts w:ascii="Calibri" w:hAnsi="Calibri"/>
                <w:sz w:val="22"/>
                <w:szCs w:val="22"/>
              </w:rPr>
              <w:t>$:Supplier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r w:rsidRPr="00883375">
              <w:rPr>
                <w:rFonts w:ascii="Calibri" w:hAnsi="Calibri"/>
                <w:sz w:val="22"/>
                <w:szCs w:val="22"/>
              </w:rPr>
              <w:t xml:space="preserve">$:Mojang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Select reference file|NoUserInput|</w:t>
            </w:r>
            <w:r w:rsidRPr="00883375">
              <w:rPr>
                <w:rFonts w:ascii="Calibri" w:eastAsia="Calibri" w:hAnsi="Calibri" w:cs="Calibri"/>
                <w:bdr w:val="none" w:sz="0" w:space="0" w:color="auto" w:frame="1"/>
              </w:rPr>
              <w:t>R$</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Agreed and accepted</w:t>
      </w:r>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The purpose of this Amendment is to amend and supplement the terms and conditions set forth in the SOW by incorporating the additional provisions set forth below, and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DATE:MMMM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DATE:MMMM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DATE:MMMM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DATE:MMMM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1801|$: Milestone04StartDate | NoUserInput | NoOutput | DATE:MMMM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695814" w14:paraId="40C6C84C"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D1EC6CA"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0BD08A8" w14:textId="77777777" w:rsidR="00695814" w:rsidRDefault="00695814" w:rsidP="00F76AF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F01BD45" w14:textId="77777777" w:rsidR="00695814" w:rsidRDefault="00695814" w:rsidP="00F76AF8">
            <w:pPr>
              <w:ind w:right="72"/>
              <w:rPr>
                <w:rFonts w:ascii="Calibri" w:eastAsia="Calibri" w:hAnsi="Calibri" w:cs="Calibri"/>
                <w:sz w:val="22"/>
                <w:szCs w:val="22"/>
              </w:rPr>
            </w:pPr>
            <w:r w:rsidRPr="004403A1">
              <w:rPr>
                <w:rFonts w:ascii="Calibri" w:eastAsia="Calibri" w:hAnsi="Calibri" w:cs="Calibri"/>
                <w:sz w:val="22"/>
                <w:szCs w:val="22"/>
              </w:rPr>
              <w:t>{[#:1901|$: Milestone05StartDate | NoUserInput | NoOutput | DATE:MMMM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r w:rsidR="00695814" w14:paraId="5FB2D963"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4FEE95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24AB7B9"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7771D7B"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001|$: Milestone06StartDate | NoUserInput | NoOutput | DATE:MMMM d, yyyy | CopyFromArgument: Milestone05DueDate |AddDays:1]}{[#:2002|$: Milestone06DueDate | NoUserInput |DATE:MMMM d, yyyy| CopyFromArgument: Milestone06StartDate | </w:t>
            </w:r>
            <w:r w:rsidRPr="00442BDB">
              <w:rPr>
                <w:rFonts w:ascii="Calibri" w:eastAsia="Calibri" w:hAnsi="Calibri" w:cs="Calibri"/>
                <w:sz w:val="22"/>
                <w:szCs w:val="22"/>
              </w:rPr>
              <w:lastRenderedPageBreak/>
              <w:t>EndOfMonth]}{[#:2003|$: Milestone06workdays | NoUserInput | NoOutput | WorkDaysStart: Milestone06StartDate |WorkDaysEnd: Milestone06DueDate]}</w:t>
            </w:r>
          </w:p>
        </w:tc>
      </w:tr>
      <w:tr w:rsidR="00695814" w14:paraId="6F5C5C94"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B4AA5C5"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9C66B9B"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1AE8A9"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101|$: Milestone07StartDate | NoUserInput | NoOutput | DATE:MMMM d, yyyy | CopyFromArgument: Milestone06DueDate |AddDays:1]}{[#:2102|$: Milestone07DueDate | NoUserInput |DATE:MMMM d, yyyy| CopyFromArgument: Milestone07StartDate | EndOfMonth]}{[#:2103|$: Milestone07workdays | NoUserInput | NoOutput | WorkDaysStart: Milestone07StartDate |WorkDaysEnd: Milestone07DueDate]}</w:t>
            </w:r>
          </w:p>
        </w:tc>
      </w:tr>
      <w:tr w:rsidR="00695814" w14:paraId="0D0CCA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5589B04"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3FCF0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1F632EE"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201|$: Milestone08StartDate | NoUserInput | NoOutput | DATE:MMMM d, yyyy | CopyFromArgument: Milestone07DueDate |AddDays:1]}{[#:2202|$: Milestone08DueDate | NoUserInput |DATE:MMMM d, yyyy| CopyFromArgument: Milestone08StartDate | EndOfMonth]}{[#:2203|$: Milestone08workdays | NoUserInput | NoOutput | WorkDaysStart: Milestone08StartDate |WorkDaysEnd: Milestone08DueDate]}</w:t>
            </w:r>
          </w:p>
        </w:tc>
      </w:tr>
      <w:tr w:rsidR="00695814" w14:paraId="2EF4DC08"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EB4E19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9</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3FFF8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E3AC06C"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301|$: Milestone09StartDate | NoUserInput | NoOutput | DATE:MMMM d, yyyy | CopyFromArgument: Milestone08DueDate |AddDays:1]}{[#:</w:t>
            </w:r>
            <w:r w:rsidRPr="00442BDB">
              <w:rPr>
                <w:rFonts w:ascii="Calibri" w:eastAsia="Calibri" w:hAnsi="Calibri" w:cs="Calibri"/>
                <w:sz w:val="22"/>
                <w:szCs w:val="22"/>
              </w:rPr>
              <w:lastRenderedPageBreak/>
              <w:t>2302|$: Milestone09DueDate | NoUserInput |DATE:MMMM d, yyyy| CopyFromArgument: Milestone09StartDate | EndOfMonth]}{[#:2303|$: Milestone09workdays | NoUserInput | NoOutput | WorkDaysStart: Milestone09StartDate |WorkDaysEnd: Milestone09DueDate]}</w:t>
            </w:r>
          </w:p>
        </w:tc>
      </w:tr>
      <w:tr w:rsidR="00695814" w14:paraId="73E80B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02A9EED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0</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4C3D1A21"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F204446"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401|$: Milestone10StartDate | NoUserInput | NoOutput | DATE:MMMM d, yyyy | CopyFromArgument: Milestone09DueDate |AddDays:1]}{[#:2402|$: Milestone10DueDate | NoUserInput |DATE:MMMM d, yyyy| CopyFromArgument: Milestone10StartDate | EndOfMonth]}{[#:2403|$: </w:t>
            </w:r>
            <w:r w:rsidRPr="00442BDB">
              <w:rPr>
                <w:rFonts w:ascii="Calibri" w:eastAsia="Calibri" w:hAnsi="Calibri" w:cs="Calibri"/>
                <w:sz w:val="22"/>
                <w:szCs w:val="22"/>
              </w:rPr>
              <w:lastRenderedPageBreak/>
              <w:t>Milestone10workdays | NoUserInput | NoOutput | WorkDaysStart: Milestone10StartDate |WorkDaysEnd: Milestone10DueDate]}</w:t>
            </w:r>
          </w:p>
        </w:tc>
      </w:tr>
      <w:tr w:rsidR="00695814" w14:paraId="177E764A"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810A73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1EBFEC4"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5995C7F"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501|$: Milestone11StartDate | NoUserInput | NoOutput | DATE:MMMM d, yyyy | CopyFromArgument: Milestone10DueDate |AddDays:1]}{[#:2502|$: Milestone11DueDate | NoUserInput |DATE:MMMM d, yyyy| CopyFromArgument: Milestone11StartDate | EndOfMonth]}{[#:2503|$: Milestone11workdays | NoUserInput | NoOutput | WorkDaysStart: Milestone11StartDate |WorkDaysEnd: Milestone11DueDate]}</w:t>
            </w:r>
          </w:p>
        </w:tc>
      </w:tr>
      <w:tr w:rsidR="00940104" w14:paraId="3D627A86"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98CBBFD" w14:textId="77777777" w:rsidR="00940104" w:rsidRDefault="00940104" w:rsidP="00940104">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1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714C136" w14:textId="0F3485E0" w:rsidR="00940104" w:rsidRDefault="00940104" w:rsidP="00940104">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2450876" w14:textId="77777777" w:rsidR="00940104" w:rsidRPr="004403A1" w:rsidRDefault="00940104" w:rsidP="00940104">
            <w:pPr>
              <w:ind w:right="72"/>
              <w:rPr>
                <w:rFonts w:ascii="Calibri" w:eastAsia="Calibri" w:hAnsi="Calibri" w:cs="Calibri"/>
                <w:sz w:val="22"/>
                <w:szCs w:val="22"/>
              </w:rPr>
            </w:pPr>
            <w:r w:rsidRPr="00442BDB">
              <w:rPr>
                <w:rFonts w:ascii="Calibri" w:eastAsia="Calibri" w:hAnsi="Calibri" w:cs="Calibri"/>
                <w:sz w:val="22"/>
                <w:szCs w:val="22"/>
              </w:rPr>
              <w:t>{[#:2601|$: Milestone12Start</w:t>
            </w:r>
            <w:r w:rsidRPr="00442BDB">
              <w:rPr>
                <w:rFonts w:ascii="Calibri" w:eastAsia="Calibri" w:hAnsi="Calibri" w:cs="Calibri"/>
                <w:sz w:val="22"/>
                <w:szCs w:val="22"/>
              </w:rPr>
              <w:lastRenderedPageBreak/>
              <w:t>Date | NoUserInput | NoOutput | DATE:MMMM d, yyyy | CopyFromArgument: Milestone11DueDate |AddDays:1]}{[#:2602|$: Milestone12DueDate | NoUserInput |DATE:MMMM d, yyyy| CopyFromArgument: Milestone12StartDate | EndOfMonth]}{[#:2603|$: Milestone12workdays | NoUserInput | NoOutput | WorkDaysStart: Milestone12StartDate |WorkDaysEnd: Milestone12DueDate]}</w:t>
            </w:r>
          </w:p>
        </w:tc>
      </w:tr>
      <w:tr w:rsidR="00AA06B4" w14:paraId="7FC2B1F2"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F581C5" w14:textId="663A4D6C" w:rsidR="00AA06B4" w:rsidRDefault="00AA06B4" w:rsidP="00AA06B4">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980463A" w14:textId="5B5E8C36" w:rsidR="00AA06B4" w:rsidRDefault="00AA06B4" w:rsidP="00AA06B4">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912C2AA" w14:textId="0EBF2A9C" w:rsidR="00AA06B4" w:rsidRPr="00442BDB" w:rsidRDefault="00AA06B4" w:rsidP="00AA06B4">
            <w:pPr>
              <w:ind w:right="72"/>
              <w:rPr>
                <w:rFonts w:ascii="Calibri" w:eastAsia="Calibri" w:hAnsi="Calibri" w:cs="Calibri"/>
                <w:sz w:val="22"/>
                <w:szCs w:val="22"/>
              </w:rPr>
            </w:pPr>
            <w:r w:rsidRPr="00442BDB">
              <w:rPr>
                <w:rFonts w:ascii="Calibri" w:eastAsia="Calibri" w:hAnsi="Calibri" w:cs="Calibri"/>
                <w:sz w:val="22"/>
                <w:szCs w:val="22"/>
              </w:rPr>
              <w:t>{[#:2</w:t>
            </w:r>
            <w:r>
              <w:rPr>
                <w:rFonts w:ascii="Calibri" w:eastAsia="Calibri" w:hAnsi="Calibri" w:cs="Calibri"/>
                <w:sz w:val="22"/>
                <w:szCs w:val="22"/>
              </w:rPr>
              <w:t>7</w:t>
            </w:r>
            <w:r w:rsidRPr="00442BDB">
              <w:rPr>
                <w:rFonts w:ascii="Calibri" w:eastAsia="Calibri" w:hAnsi="Calibri" w:cs="Calibri"/>
                <w:sz w:val="22"/>
                <w:szCs w:val="22"/>
              </w:rPr>
              <w:t>01|$: Milestone1</w:t>
            </w:r>
            <w:r>
              <w:rPr>
                <w:rFonts w:ascii="Calibri" w:eastAsia="Calibri" w:hAnsi="Calibri" w:cs="Calibri"/>
                <w:sz w:val="22"/>
                <w:szCs w:val="22"/>
              </w:rPr>
              <w:t>3</w:t>
            </w:r>
            <w:r w:rsidRPr="00442BDB">
              <w:rPr>
                <w:rFonts w:ascii="Calibri" w:eastAsia="Calibri" w:hAnsi="Calibri" w:cs="Calibri"/>
                <w:sz w:val="22"/>
                <w:szCs w:val="22"/>
              </w:rPr>
              <w:t>StartDate | NoUserInput | NoOutput | DATE:MMMM d, yyyy | CopyFromArgument: Milestone1</w:t>
            </w:r>
            <w:r>
              <w:rPr>
                <w:rFonts w:ascii="Calibri" w:eastAsia="Calibri" w:hAnsi="Calibri" w:cs="Calibri"/>
                <w:sz w:val="22"/>
                <w:szCs w:val="22"/>
              </w:rPr>
              <w:t>2</w:t>
            </w:r>
            <w:r w:rsidRPr="00442BDB">
              <w:rPr>
                <w:rFonts w:ascii="Calibri" w:eastAsia="Calibri" w:hAnsi="Calibri" w:cs="Calibri"/>
                <w:sz w:val="22"/>
                <w:szCs w:val="22"/>
              </w:rPr>
              <w:t>DueDate |AddDays:1]}{[#:2</w:t>
            </w:r>
            <w:r>
              <w:rPr>
                <w:rFonts w:ascii="Calibri" w:eastAsia="Calibri" w:hAnsi="Calibri" w:cs="Calibri"/>
                <w:sz w:val="22"/>
                <w:szCs w:val="22"/>
              </w:rPr>
              <w:t>7</w:t>
            </w:r>
            <w:r w:rsidRPr="00442BDB">
              <w:rPr>
                <w:rFonts w:ascii="Calibri" w:eastAsia="Calibri" w:hAnsi="Calibri" w:cs="Calibri"/>
                <w:sz w:val="22"/>
                <w:szCs w:val="22"/>
              </w:rPr>
              <w:t>02|$: Milestone1</w:t>
            </w:r>
            <w:r>
              <w:rPr>
                <w:rFonts w:ascii="Calibri" w:eastAsia="Calibri" w:hAnsi="Calibri" w:cs="Calibri"/>
                <w:sz w:val="22"/>
                <w:szCs w:val="22"/>
              </w:rPr>
              <w:t>3</w:t>
            </w:r>
            <w:r w:rsidRPr="00442BDB">
              <w:rPr>
                <w:rFonts w:ascii="Calibri" w:eastAsia="Calibri" w:hAnsi="Calibri" w:cs="Calibri"/>
                <w:sz w:val="22"/>
                <w:szCs w:val="22"/>
              </w:rPr>
              <w:t>Due</w:t>
            </w:r>
            <w:r w:rsidRPr="00442BDB">
              <w:rPr>
                <w:rFonts w:ascii="Calibri" w:eastAsia="Calibri" w:hAnsi="Calibri" w:cs="Calibri"/>
                <w:sz w:val="22"/>
                <w:szCs w:val="22"/>
              </w:rPr>
              <w:lastRenderedPageBreak/>
              <w:t>Date | NoUserInput |DATE:MMMM d, yyyy| CopyFromArgument: Milestone1</w:t>
            </w:r>
            <w:r>
              <w:rPr>
                <w:rFonts w:ascii="Calibri" w:eastAsia="Calibri" w:hAnsi="Calibri" w:cs="Calibri"/>
                <w:sz w:val="22"/>
                <w:szCs w:val="22"/>
              </w:rPr>
              <w:t>3</w:t>
            </w:r>
            <w:r w:rsidRPr="00442BDB">
              <w:rPr>
                <w:rFonts w:ascii="Calibri" w:eastAsia="Calibri" w:hAnsi="Calibri" w:cs="Calibri"/>
                <w:sz w:val="22"/>
                <w:szCs w:val="22"/>
              </w:rPr>
              <w:t>StartDate | EndOfMonth]}{[#:2</w:t>
            </w:r>
            <w:r>
              <w:rPr>
                <w:rFonts w:ascii="Calibri" w:eastAsia="Calibri" w:hAnsi="Calibri" w:cs="Calibri"/>
                <w:sz w:val="22"/>
                <w:szCs w:val="22"/>
              </w:rPr>
              <w:t>7</w:t>
            </w:r>
            <w:r w:rsidRPr="00442BDB">
              <w:rPr>
                <w:rFonts w:ascii="Calibri" w:eastAsia="Calibri" w:hAnsi="Calibri" w:cs="Calibri"/>
                <w:sz w:val="22"/>
                <w:szCs w:val="22"/>
              </w:rPr>
              <w:t>03|$: Milestone1</w:t>
            </w:r>
            <w:r>
              <w:rPr>
                <w:rFonts w:ascii="Calibri" w:eastAsia="Calibri" w:hAnsi="Calibri" w:cs="Calibri"/>
                <w:sz w:val="22"/>
                <w:szCs w:val="22"/>
              </w:rPr>
              <w:t>3</w:t>
            </w:r>
            <w:r w:rsidRPr="00442BDB">
              <w:rPr>
                <w:rFonts w:ascii="Calibri" w:eastAsia="Calibri" w:hAnsi="Calibri" w:cs="Calibri"/>
                <w:sz w:val="22"/>
                <w:szCs w:val="22"/>
              </w:rPr>
              <w:t>workdays | NoUserInput | NoOutput | WorkDaysStart: Milestone1</w:t>
            </w:r>
            <w:r>
              <w:rPr>
                <w:rFonts w:ascii="Calibri" w:eastAsia="Calibri" w:hAnsi="Calibri" w:cs="Calibri"/>
                <w:sz w:val="22"/>
                <w:szCs w:val="22"/>
              </w:rPr>
              <w:t>3</w:t>
            </w:r>
            <w:r w:rsidRPr="00442BDB">
              <w:rPr>
                <w:rFonts w:ascii="Calibri" w:eastAsia="Calibri" w:hAnsi="Calibri" w:cs="Calibri"/>
                <w:sz w:val="22"/>
                <w:szCs w:val="22"/>
              </w:rPr>
              <w:t>StartDate |WorkDaysEnd: Milestone1</w:t>
            </w:r>
            <w:r>
              <w:rPr>
                <w:rFonts w:ascii="Calibri" w:eastAsia="Calibri" w:hAnsi="Calibri" w:cs="Calibri"/>
                <w:sz w:val="22"/>
                <w:szCs w:val="22"/>
              </w:rPr>
              <w:t>3</w:t>
            </w:r>
            <w:r w:rsidRPr="00442BDB">
              <w:rPr>
                <w:rFonts w:ascii="Calibri" w:eastAsia="Calibri" w:hAnsi="Calibri" w:cs="Calibri"/>
                <w:sz w:val="22"/>
                <w:szCs w:val="22"/>
              </w:rPr>
              <w:t>DueDate]}</w:t>
            </w:r>
          </w:p>
        </w:tc>
      </w:tr>
      <w:tr w:rsidR="00C6024E" w14:paraId="0C1F3970"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5941ECEF" w14:textId="16E7E423" w:rsidR="00C6024E" w:rsidRDefault="00C6024E" w:rsidP="00C6024E">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12B73A0" w14:textId="2FC8CAEC" w:rsidR="00C6024E" w:rsidRDefault="00C6024E" w:rsidP="00C6024E">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AFFA30F" w14:textId="1084098F" w:rsidR="00C6024E" w:rsidRPr="00442BDB" w:rsidRDefault="00C6024E" w:rsidP="00C6024E">
            <w:pPr>
              <w:ind w:right="72"/>
              <w:rPr>
                <w:rFonts w:ascii="Calibri" w:eastAsia="Calibri" w:hAnsi="Calibri" w:cs="Calibri"/>
                <w:sz w:val="22"/>
                <w:szCs w:val="22"/>
              </w:rPr>
            </w:pPr>
            <w:r w:rsidRPr="00442BDB">
              <w:rPr>
                <w:rFonts w:ascii="Calibri" w:eastAsia="Calibri" w:hAnsi="Calibri" w:cs="Calibri"/>
                <w:sz w:val="22"/>
                <w:szCs w:val="22"/>
              </w:rPr>
              <w:t>{[#:2</w:t>
            </w:r>
            <w:r>
              <w:rPr>
                <w:rFonts w:ascii="Calibri" w:eastAsia="Calibri" w:hAnsi="Calibri" w:cs="Calibri"/>
                <w:sz w:val="22"/>
                <w:szCs w:val="22"/>
              </w:rPr>
              <w:t>8</w:t>
            </w:r>
            <w:r w:rsidRPr="00442BDB">
              <w:rPr>
                <w:rFonts w:ascii="Calibri" w:eastAsia="Calibri" w:hAnsi="Calibri" w:cs="Calibri"/>
                <w:sz w:val="22"/>
                <w:szCs w:val="22"/>
              </w:rPr>
              <w:t>01|$: Milestone1</w:t>
            </w:r>
            <w:r>
              <w:rPr>
                <w:rFonts w:ascii="Calibri" w:eastAsia="Calibri" w:hAnsi="Calibri" w:cs="Calibri"/>
                <w:sz w:val="22"/>
                <w:szCs w:val="22"/>
              </w:rPr>
              <w:t>4</w:t>
            </w:r>
            <w:r w:rsidRPr="00442BDB">
              <w:rPr>
                <w:rFonts w:ascii="Calibri" w:eastAsia="Calibri" w:hAnsi="Calibri" w:cs="Calibri"/>
                <w:sz w:val="22"/>
                <w:szCs w:val="22"/>
              </w:rPr>
              <w:t>StartDate | NoUserInput | NoOutput | DATE:MMMM d, yyyy | CopyFromArgument: Milestone1</w:t>
            </w:r>
            <w:r>
              <w:rPr>
                <w:rFonts w:ascii="Calibri" w:eastAsia="Calibri" w:hAnsi="Calibri" w:cs="Calibri"/>
                <w:sz w:val="22"/>
                <w:szCs w:val="22"/>
              </w:rPr>
              <w:t>3</w:t>
            </w:r>
            <w:r w:rsidRPr="00442BDB">
              <w:rPr>
                <w:rFonts w:ascii="Calibri" w:eastAsia="Calibri" w:hAnsi="Calibri" w:cs="Calibri"/>
                <w:sz w:val="22"/>
                <w:szCs w:val="22"/>
              </w:rPr>
              <w:t>DueDate |AddDays:1]}{[#:2</w:t>
            </w:r>
            <w:r>
              <w:rPr>
                <w:rFonts w:ascii="Calibri" w:eastAsia="Calibri" w:hAnsi="Calibri" w:cs="Calibri"/>
                <w:sz w:val="22"/>
                <w:szCs w:val="22"/>
              </w:rPr>
              <w:t>8</w:t>
            </w:r>
            <w:r w:rsidRPr="00442BDB">
              <w:rPr>
                <w:rFonts w:ascii="Calibri" w:eastAsia="Calibri" w:hAnsi="Calibri" w:cs="Calibri"/>
                <w:sz w:val="22"/>
                <w:szCs w:val="22"/>
              </w:rPr>
              <w:t>02|$: Milestone1</w:t>
            </w:r>
            <w:r>
              <w:rPr>
                <w:rFonts w:ascii="Calibri" w:eastAsia="Calibri" w:hAnsi="Calibri" w:cs="Calibri"/>
                <w:sz w:val="22"/>
                <w:szCs w:val="22"/>
              </w:rPr>
              <w:t>4</w:t>
            </w:r>
            <w:r w:rsidRPr="00442BDB">
              <w:rPr>
                <w:rFonts w:ascii="Calibri" w:eastAsia="Calibri" w:hAnsi="Calibri" w:cs="Calibri"/>
                <w:sz w:val="22"/>
                <w:szCs w:val="22"/>
              </w:rPr>
              <w:t>DueDate | NoUserInput |DATE:MMMM d, yyyy| CopyFromArgument: Milestone1</w:t>
            </w:r>
            <w:r>
              <w:rPr>
                <w:rFonts w:ascii="Calibri" w:eastAsia="Calibri" w:hAnsi="Calibri" w:cs="Calibri"/>
                <w:sz w:val="22"/>
                <w:szCs w:val="22"/>
              </w:rPr>
              <w:t>4</w:t>
            </w:r>
            <w:r w:rsidRPr="00442BDB">
              <w:rPr>
                <w:rFonts w:ascii="Calibri" w:eastAsia="Calibri" w:hAnsi="Calibri" w:cs="Calibri"/>
                <w:sz w:val="22"/>
                <w:szCs w:val="22"/>
              </w:rPr>
              <w:t>StartDate | EndOfMonth]}{[#:2</w:t>
            </w:r>
            <w:r>
              <w:rPr>
                <w:rFonts w:ascii="Calibri" w:eastAsia="Calibri" w:hAnsi="Calibri" w:cs="Calibri"/>
                <w:sz w:val="22"/>
                <w:szCs w:val="22"/>
              </w:rPr>
              <w:t>8</w:t>
            </w:r>
            <w:r w:rsidRPr="00442BDB">
              <w:rPr>
                <w:rFonts w:ascii="Calibri" w:eastAsia="Calibri" w:hAnsi="Calibri" w:cs="Calibri"/>
                <w:sz w:val="22"/>
                <w:szCs w:val="22"/>
              </w:rPr>
              <w:t>03|$: Milestone1</w:t>
            </w:r>
            <w:r>
              <w:rPr>
                <w:rFonts w:ascii="Calibri" w:eastAsia="Calibri" w:hAnsi="Calibri" w:cs="Calibri"/>
                <w:sz w:val="22"/>
                <w:szCs w:val="22"/>
              </w:rPr>
              <w:t>4</w:t>
            </w:r>
            <w:r w:rsidRPr="00442BDB">
              <w:rPr>
                <w:rFonts w:ascii="Calibri" w:eastAsia="Calibri" w:hAnsi="Calibri" w:cs="Calibri"/>
                <w:sz w:val="22"/>
                <w:szCs w:val="22"/>
              </w:rPr>
              <w:t xml:space="preserve">workdays | </w:t>
            </w:r>
            <w:r w:rsidRPr="00442BDB">
              <w:rPr>
                <w:rFonts w:ascii="Calibri" w:eastAsia="Calibri" w:hAnsi="Calibri" w:cs="Calibri"/>
                <w:sz w:val="22"/>
                <w:szCs w:val="22"/>
              </w:rPr>
              <w:lastRenderedPageBreak/>
              <w:t>NoUserInput | NoOutput | WorkDaysStart: Milestone1</w:t>
            </w:r>
            <w:r>
              <w:rPr>
                <w:rFonts w:ascii="Calibri" w:eastAsia="Calibri" w:hAnsi="Calibri" w:cs="Calibri"/>
                <w:sz w:val="22"/>
                <w:szCs w:val="22"/>
              </w:rPr>
              <w:t>4</w:t>
            </w:r>
            <w:r w:rsidRPr="00442BDB">
              <w:rPr>
                <w:rFonts w:ascii="Calibri" w:eastAsia="Calibri" w:hAnsi="Calibri" w:cs="Calibri"/>
                <w:sz w:val="22"/>
                <w:szCs w:val="22"/>
              </w:rPr>
              <w:t>StartDate |WorkDaysEnd: Milestone1</w:t>
            </w:r>
            <w:r>
              <w:rPr>
                <w:rFonts w:ascii="Calibri" w:eastAsia="Calibri" w:hAnsi="Calibri" w:cs="Calibri"/>
                <w:sz w:val="22"/>
                <w:szCs w:val="22"/>
              </w:rPr>
              <w:t>4</w:t>
            </w:r>
            <w:r w:rsidRPr="00442BDB">
              <w:rPr>
                <w:rFonts w:ascii="Calibri" w:eastAsia="Calibri" w:hAnsi="Calibri" w:cs="Calibri"/>
                <w:sz w:val="22"/>
                <w:szCs w:val="22"/>
              </w:rPr>
              <w:t>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PayPerDay|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 xml:space="preserve">#:2800|$:Max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r>
        <w:rPr>
          <w:szCs w:val="22"/>
        </w:rPr>
        <w:t>NumAsText | COMMENT:</w:t>
      </w:r>
      <w:r>
        <w:rPr>
          <w:rFonts w:ascii="Calibri" w:eastAsia="Calibri" w:hAnsi="Calibri" w:cs="Calibri"/>
          <w:b/>
          <w:sz w:val="22"/>
          <w:szCs w:val="22"/>
        </w:rPr>
        <w:t>fi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r>
        <w:rPr>
          <w:szCs w:val="22"/>
        </w:rPr>
        <w:t>cost</w:t>
      </w:r>
      <w:r>
        <w:t>|NUM</w:t>
      </w:r>
      <w:r>
        <w:rPr>
          <w:szCs w:val="22"/>
        </w:rPr>
        <w:t>|</w:t>
      </w:r>
      <w:r>
        <w:rPr>
          <w:rFonts w:ascii="Consolas" w:hAnsi="Consolas" w:cs="Consolas"/>
          <w:sz w:val="19"/>
          <w:szCs w:val="19"/>
          <w:highlight w:val="white"/>
        </w:rPr>
        <w:t>ThousandSeparated</w:t>
      </w:r>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 xml:space="preserve">Hours </w:t>
            </w:r>
            <w:r w:rsidRPr="002F7997">
              <w:rPr>
                <w:rFonts w:ascii="Calibri" w:eastAsia="Calibri" w:hAnsi="Calibri" w:cs="Calibri"/>
                <w:highlight w:val="cyan"/>
              </w:rPr>
              <w:lastRenderedPageBreak/>
              <w:t>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2 Fee </w:t>
            </w:r>
            <w:r w:rsidRPr="002F79B0">
              <w:rPr>
                <w:szCs w:val="22"/>
                <w:highlight w:val="cyan"/>
              </w:rPr>
              <w:lastRenderedPageBreak/>
              <w:t>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24F609E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7989E9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09BC63" w14:textId="77777777" w:rsidR="00695814" w:rsidRDefault="00695814" w:rsidP="00F76AF8">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518CE33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lastRenderedPageBreak/>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69ECCB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DE7AB7B"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BAA541F" w14:textId="77777777" w:rsidR="00695814" w:rsidRDefault="00695814" w:rsidP="00F76AF8">
            <w:pPr>
              <w:jc w:val="center"/>
            </w:pPr>
            <w:r>
              <w:t xml:space="preserve">{[#:2000|$: Milestone 6 name| NoUserInput | DATE:MMMM| CopyFromArgument: Milestone06StartDate]} Month Services </w:t>
            </w:r>
          </w:p>
          <w:p w14:paraId="2069D2D9" w14:textId="77777777" w:rsidR="00695814" w:rsidRDefault="00695814" w:rsidP="00F76AF8">
            <w:pPr>
              <w:jc w:val="center"/>
            </w:pPr>
            <w:r>
              <w:t>{[#:2005|NoUserInput|$: Milestone 6 Service Fee | NUM|MULTIPLICATION | ThousandSeparated | MathValueFromArgument1: SEK/Hour | MathValueFromArgument2: Milesstone 6 Hours Worked |COMMENT:58,800]} SEK</w:t>
            </w:r>
          </w:p>
          <w:p w14:paraId="16CAA168" w14:textId="77777777" w:rsidR="00695814" w:rsidRPr="000E3481" w:rsidRDefault="00695814" w:rsidP="00F76AF8">
            <w:pPr>
              <w:jc w:val="center"/>
              <w:rPr>
                <w:highlight w:val="lightGray"/>
              </w:rPr>
            </w:pPr>
            <w:r>
              <w:lastRenderedPageBreak/>
              <w:t>({[#:2099|CopyFromArgument: SEK/Hour |INVISIBLE|COMMENT: 350]} SEK/hour, {[#:2004|NoUserInput|$: Milesstone 6 Hours Worked | MULTIPLICATION| MathValueFromArgument1: Workhours per Day | MathValueFromArgument2: Milestone06workdays |COMMENT:  168]} hours){[#:2006|NoUserInput| NoOutput |$: Milestone 6 Fee Total | NUM| Addition| ThousandSeparated | MathValueFromArgument1: Milestone 5 Fee Total | MathValueFromArgument2: Milestone 6 Service Fee]}</w:t>
            </w:r>
          </w:p>
        </w:tc>
      </w:tr>
      <w:tr w:rsidR="00695814" w14:paraId="1D2E31C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51FD887"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1C2834A" w14:textId="77777777" w:rsidR="00695814" w:rsidRDefault="00695814" w:rsidP="00F76AF8">
            <w:pPr>
              <w:jc w:val="center"/>
            </w:pPr>
            <w:r>
              <w:t xml:space="preserve">{[#:2100|$: Milestone 7 name| NoUserInput | DATE:MMMM| CopyFromArgument: Milestone07StartDate]} Month Services </w:t>
            </w:r>
          </w:p>
          <w:p w14:paraId="4E339C54" w14:textId="77777777" w:rsidR="00695814" w:rsidRDefault="00695814" w:rsidP="00F76AF8">
            <w:pPr>
              <w:jc w:val="center"/>
            </w:pPr>
            <w:r>
              <w:t>{[#:2105|NoUserInput|$: Milestone 7 Service Fee | NUM|MULTIPLICATION | ThousandSeparated | MathValueFromArgument1: SEK/Hour | MathValueFromArgument2: Milesstone 7 Hours Worked |COMMENT:58,800]} SEK</w:t>
            </w:r>
          </w:p>
          <w:p w14:paraId="2D011277" w14:textId="77777777" w:rsidR="00695814" w:rsidRPr="000E3481" w:rsidRDefault="00695814" w:rsidP="00F76AF8">
            <w:pPr>
              <w:jc w:val="center"/>
              <w:rPr>
                <w:highlight w:val="lightGray"/>
              </w:rPr>
            </w:pPr>
            <w:r>
              <w:t xml:space="preserve">({[#:2199|CopyFromArgument: SEK/Hour |INVISIBLE|COMMENT: 350]} SEK/hour, {[#:2104|NoUserInput|$: Milesstone 7 Hours Worked | MULTIPLICATION| MathValueFromArgument1: Workhours per Day | MathValueFromArgument2: Milestone07workdays |COMMENT:  178]} </w:t>
            </w:r>
            <w:r>
              <w:lastRenderedPageBreak/>
              <w:t>hours){[#:2107|NoUserInput| NoOutput |$: Milestone 7 Fee Total | NUM| Addition| ThousandSeparated | MathValueFromArgument1: Milestone 6 Fee Total | MathValueFromArgument2: Milestone 7 Service Fee]}</w:t>
            </w:r>
          </w:p>
        </w:tc>
      </w:tr>
      <w:tr w:rsidR="00695814" w14:paraId="408CA8BF"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103965C2"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501869E" w14:textId="77777777" w:rsidR="00695814" w:rsidRDefault="00695814" w:rsidP="00F76AF8">
            <w:pPr>
              <w:jc w:val="center"/>
            </w:pPr>
            <w:r>
              <w:t xml:space="preserve">{[#:2200|$: Milestone 8 name| NoUserInput | DATE:MMMM| CopyFromArgument: Milestone08StartDate]} Month Services </w:t>
            </w:r>
          </w:p>
          <w:p w14:paraId="26960549" w14:textId="77777777" w:rsidR="00695814" w:rsidRDefault="00695814" w:rsidP="00F76AF8">
            <w:pPr>
              <w:jc w:val="center"/>
            </w:pPr>
            <w:r>
              <w:t>{[#:2205|NoUserInput|$: Milestone 8 Service Fee | NUM|MULTIPLICATION | ThousandSeparated | MathValueFromArgument1: SEK/Hour | MathValueFromArgument2: Milesstone 8 Hours Worked |COMMENT:58,800]} SEK</w:t>
            </w:r>
          </w:p>
          <w:p w14:paraId="64558999" w14:textId="77777777" w:rsidR="00695814" w:rsidRPr="000E3481" w:rsidRDefault="00695814" w:rsidP="00F76AF8">
            <w:pPr>
              <w:jc w:val="center"/>
              <w:rPr>
                <w:highlight w:val="lightGray"/>
              </w:rPr>
            </w:pPr>
            <w:r>
              <w:t>({[#:2299|CopyFromArgument: SEK/Hour |INVISIBLE|COMMENT: 350]} SEK/hour, {[#:2204|NoUserInput|$: Milesstone 8 Hours Worked | MULTIPLICATION| MathValueFromArgument1: Workhours per Day | MathValueFromArgument2: Milestone08workdays |COMMENT:  188]} hours){[#:2208|NoUserInput| NoOutput |$: Milestone 8 Fee Total | NUM| Addition| ThousandSeparated | MathValueFromArgument1: Milestone 7 Fee Total | MathValueFromArgument2: Milestone 8 Service Fee]}</w:t>
            </w:r>
          </w:p>
        </w:tc>
      </w:tr>
      <w:tr w:rsidR="00695814" w14:paraId="0949596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F326C0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9</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C66E457" w14:textId="77777777" w:rsidR="00695814" w:rsidRDefault="00695814" w:rsidP="00F76AF8">
            <w:pPr>
              <w:jc w:val="center"/>
            </w:pPr>
            <w:r>
              <w:t xml:space="preserve">{[#:2300|$: Milestone 9 name| NoUserInput | DATE:MMMM| CopyFromArgument: </w:t>
            </w:r>
            <w:r>
              <w:lastRenderedPageBreak/>
              <w:t xml:space="preserve">Milestone09StartDate]} Month Services </w:t>
            </w:r>
          </w:p>
          <w:p w14:paraId="1252C66F" w14:textId="77777777" w:rsidR="00695814" w:rsidRDefault="00695814" w:rsidP="00F76AF8">
            <w:pPr>
              <w:jc w:val="center"/>
            </w:pPr>
            <w:r>
              <w:t>{[#:2305|NoUserInput|$: Milestone 9 Service Fee | NUM|MULTIPLICATION | ThousandSeparated | MathValueFromArgument1: SEK/Hour | MathValueFromArgument2: Milesstone 9 Hours Worked |COMMENT:59,900]} SEK</w:t>
            </w:r>
          </w:p>
          <w:p w14:paraId="0C93484D" w14:textId="77777777" w:rsidR="00695814" w:rsidRPr="000E3481" w:rsidRDefault="00695814" w:rsidP="00F76AF8">
            <w:pPr>
              <w:jc w:val="center"/>
              <w:rPr>
                <w:highlight w:val="lightGray"/>
              </w:rPr>
            </w:pPr>
            <w:r>
              <w:t>({[#:2399|CopyFromArgument: SEK/Hour |INVISIBLE|COMMENT: 350]} SEK/hour, {[#:2304|NoUserInput|$: Milesstone 9 Hours Worked | MULTIPLICATION| MathValueFromArgument1: Workhours per Day | MathValueFromArgument2: Milestone09workdays |COMMENT:  199]} hours){[#:2309|NoUserInput| NoOutput |$: Milestone 9 Fee Total | NUM| Addition| ThousandSeparated | MathValueFromArgument1: Milestone 8 Fee Total | MathValueFromArgument2: Milestone 9 Service Fee]}</w:t>
            </w:r>
          </w:p>
        </w:tc>
      </w:tr>
      <w:tr w:rsidR="00695814" w14:paraId="7BA94087"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DF6F34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0</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5DF82C5" w14:textId="77777777" w:rsidR="00695814" w:rsidRDefault="00695814" w:rsidP="00F76AF8">
            <w:pPr>
              <w:jc w:val="center"/>
            </w:pPr>
            <w:r>
              <w:t xml:space="preserve">{[#:2400|$: Milestone 10 name| NoUserInput | DATE:MMMM| CopyFromArgument: Milestone10StartDate]} Month Services </w:t>
            </w:r>
          </w:p>
          <w:p w14:paraId="4AA89E33" w14:textId="77777777" w:rsidR="00695814" w:rsidRDefault="00695814" w:rsidP="00F76AF8">
            <w:pPr>
              <w:jc w:val="center"/>
            </w:pPr>
            <w:r>
              <w:t>{[#:2405|NoUserInput|$: Milestone 10 Service Fee | NUM|MULTIPLICATION | ThousandSeparated | MathValueFromArgument1: SEK/Hour | MathValueFromArgument2: Milesstone 10 Hours Worked |COMMENT:59,900]} SEK</w:t>
            </w:r>
          </w:p>
          <w:p w14:paraId="41C9F42D" w14:textId="77777777" w:rsidR="00695814" w:rsidRPr="000E3481" w:rsidRDefault="00695814" w:rsidP="00F76AF8">
            <w:pPr>
              <w:jc w:val="center"/>
              <w:rPr>
                <w:highlight w:val="lightGray"/>
              </w:rPr>
            </w:pPr>
            <w:r>
              <w:lastRenderedPageBreak/>
              <w:t>({[#:2499|CopyFromArgument: SEK/Hour |INVISIBLE|COMMENT: 350]} SEK/hour, {[#:2404|NoUserInput|$: Milesstone 10 Hours Worked | MULTIPLICATION| MathValueFromArgument1: Workhours per Day | MathValueFromArgument2: Milestone10workdays |COMMENT:  199]} hours){[#:2409|NoUserInput| NoOutput |$: Milestone 10 Fee Total | NUM| Addition| ThousandSeparated | MathValueFromArgument1: Milestone 9 Fee Total | MathValueFromArgument2: Milestone 10 Service Fee]}</w:t>
            </w:r>
          </w:p>
        </w:tc>
      </w:tr>
      <w:tr w:rsidR="00695814" w14:paraId="21071605"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71D879C"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2E83C39" w14:textId="77777777" w:rsidR="00695814" w:rsidRDefault="00695814" w:rsidP="00F76AF8">
            <w:pPr>
              <w:jc w:val="center"/>
            </w:pPr>
            <w:r>
              <w:t xml:space="preserve">{[#:2500|$: Milestone 11 name| NoUserInput | DATE:MMMM| CopyFromArgument: Milestone11StartDate]} Month Services </w:t>
            </w:r>
          </w:p>
          <w:p w14:paraId="125B144D" w14:textId="77777777" w:rsidR="00695814" w:rsidRDefault="00695814" w:rsidP="00F76AF8">
            <w:pPr>
              <w:jc w:val="center"/>
            </w:pPr>
            <w:r>
              <w:t>{[#:2505|NoUserInput|$: Milestone 11 Service Fee | NUM|MULTIPLICATION | ThousandSeparated | MathValueFromArgument1: SEK/Hour | MathValueFromArgument2: Milesstone 11 Hours Worked |COMMENT:59,900]} SEK</w:t>
            </w:r>
          </w:p>
          <w:p w14:paraId="4B268D49" w14:textId="77777777" w:rsidR="00695814" w:rsidRPr="000E3481" w:rsidRDefault="00695814" w:rsidP="00F76AF8">
            <w:pPr>
              <w:jc w:val="center"/>
              <w:rPr>
                <w:highlight w:val="lightGray"/>
              </w:rPr>
            </w:pPr>
            <w:r>
              <w:t xml:space="preserve">({[#:2599|CopyFromArgument: SEK/Hour |INVISIBLE|COMMENT: 350]} SEK/hour, {[#:2504|NoUserInput|$: Milesstone 11 Hours Worked | MULTIPLICATION| MathValueFromArgument1: Workhours per Day | MathValueFromArgument2: Milestone11workdays |COMMENT:  199]} </w:t>
            </w:r>
            <w:r>
              <w:lastRenderedPageBreak/>
              <w:t>hours){[#:2509|NoUserInput| NoOutput |$: Milestone 11 Fee Total | NUM| Addition| ThousandSeparated | MathValueFromArgument1: Milestone 10 Fee Total | MathValueFromArgument2: Milestone 11 Service Fee]}</w:t>
            </w:r>
          </w:p>
        </w:tc>
      </w:tr>
      <w:tr w:rsidR="00F37B7A" w14:paraId="28BB83AA"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DCE01F0" w14:textId="4BF7736F" w:rsidR="00F37B7A" w:rsidRDefault="00F37B7A" w:rsidP="00F37B7A">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4B5282D9" w14:textId="135323D4" w:rsidR="00F37B7A" w:rsidRDefault="00F37B7A" w:rsidP="00F37B7A">
            <w:pPr>
              <w:jc w:val="center"/>
            </w:pPr>
            <w:r>
              <w:t xml:space="preserve">{[#:2600|$: Milestone 12 name| NoUserInput | DATE:MMMM| CopyFromArgument: Milestone12StartDate]} Month Services </w:t>
            </w:r>
          </w:p>
          <w:p w14:paraId="3772A7F5" w14:textId="61700D39" w:rsidR="00F37B7A" w:rsidRDefault="00F37B7A" w:rsidP="00F37B7A">
            <w:pPr>
              <w:jc w:val="center"/>
            </w:pPr>
            <w:r>
              <w:t>{[#:2605|NoUserInput|$: Milestone 12 Service Fee | NUM|MULTIPLICATION | ThousandSeparated | MathValueFromArgument1: SEK/Hour | MathValueFromArgument2: Milesstone 12 Hours Worked |COMMENT:59,900]} SEK</w:t>
            </w:r>
          </w:p>
          <w:p w14:paraId="732D379D" w14:textId="0C7DA5D8" w:rsidR="00F37B7A" w:rsidRDefault="00F37B7A" w:rsidP="00F37B7A">
            <w:pPr>
              <w:jc w:val="center"/>
            </w:pPr>
            <w:r>
              <w:t>({[#:2699|CopyFromArgument: SEK/Hour |INVISIBLE|COMMENT: 350]} SEK/hour, {[#:2604|NoUserInput|$: Milesstone 12 Hours Worked | MULTIPLICATION| MathValueFromArgument1: Workhours per Day | MathValueFromArgument2: Milestone12workdays |COMMENT:  199]} hours){[#:2609|NoUserInput| NoOutput |$: Milestone 12 Fee Total | NUM| Addition| ThousandSeparated | MathValueFromArgument1: Milestone 11 Fee Total | MathValueFromArgument2: Milestone 12 Service Fee]}</w:t>
            </w:r>
          </w:p>
        </w:tc>
      </w:tr>
      <w:tr w:rsidR="00D36942" w14:paraId="0722D810"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ADCD8B8" w14:textId="49785A92" w:rsidR="00D36942" w:rsidRDefault="00D36942" w:rsidP="00D36942">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1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566AC6E5" w14:textId="057E25C3" w:rsidR="00D36942" w:rsidRDefault="00D36942" w:rsidP="00D36942">
            <w:pPr>
              <w:jc w:val="center"/>
            </w:pPr>
            <w:r>
              <w:t xml:space="preserve">{[#:2700|$: Milestone 13 name| NoUserInput | DATE:MMMM| CopyFromArgument: </w:t>
            </w:r>
            <w:r>
              <w:lastRenderedPageBreak/>
              <w:t xml:space="preserve">Milestone13StartDate]} Month Services </w:t>
            </w:r>
          </w:p>
          <w:p w14:paraId="595D18CE" w14:textId="21F1F7DF" w:rsidR="00D36942" w:rsidRDefault="00D36942" w:rsidP="00D36942">
            <w:pPr>
              <w:jc w:val="center"/>
            </w:pPr>
            <w:r>
              <w:t>{[#:2705|NoUserInput|$: Milestone 13 Service Fee | NUM|MULTIPLICATION | ThousandSeparated | MathValueFromArgument1: SEK/Hour | MathValueFromArgument2: Milesstone 13 Hours Worked |COMMENT:59,900]} SEK</w:t>
            </w:r>
          </w:p>
          <w:p w14:paraId="6572FB62" w14:textId="5561F056" w:rsidR="00D36942" w:rsidRDefault="00D36942" w:rsidP="00D36942">
            <w:pPr>
              <w:jc w:val="center"/>
            </w:pPr>
            <w:r>
              <w:t>({[#:2799|CopyFromArgument: SEK/Hour |INVISIBLE|COMMENT: 350]} SEK/hour, {[#:2704|NoUserInput|$: Milesstone 13 Hours Worked | MULTIPLICATION| MathValueFromArgument1: Workhours per Day | MathValueFromArgument2: Milestone13workdays |COMMENT:  199]} hours){[#:2709|NoUserInput| NoOutput |$: Milestone 13 Fee Total | NUM| Addition| ThousandSeparated | MathValueFromArgument1: Milestone 12 Fee Total | MathValueFromArgument2: Milestone 13 Service Fee]}</w:t>
            </w:r>
          </w:p>
        </w:tc>
      </w:tr>
      <w:tr w:rsidR="00B7063F" w14:paraId="51D1C0D1"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112C5A48" w14:textId="62CDBB71" w:rsidR="00B7063F" w:rsidRDefault="00B7063F" w:rsidP="00B7063F">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10F588AE" w14:textId="365D206E" w:rsidR="00B7063F" w:rsidRDefault="00B7063F" w:rsidP="00B7063F">
            <w:pPr>
              <w:jc w:val="center"/>
            </w:pPr>
            <w:r>
              <w:t>{[#:2</w:t>
            </w:r>
            <w:r>
              <w:t>8</w:t>
            </w:r>
            <w:r>
              <w:t>00|$: Milestone 1</w:t>
            </w:r>
            <w:r>
              <w:t>4</w:t>
            </w:r>
            <w:r>
              <w:t xml:space="preserve"> name| NoUserInput | DATE:MMMM| CopyFromArgument: Milestone1</w:t>
            </w:r>
            <w:r>
              <w:t>4</w:t>
            </w:r>
            <w:r>
              <w:t xml:space="preserve">StartDate]} Month Services </w:t>
            </w:r>
          </w:p>
          <w:p w14:paraId="36894803" w14:textId="204E26CF" w:rsidR="00B7063F" w:rsidRDefault="00B7063F" w:rsidP="00B7063F">
            <w:pPr>
              <w:jc w:val="center"/>
            </w:pPr>
            <w:r>
              <w:t>{[#:2</w:t>
            </w:r>
            <w:r>
              <w:t>8</w:t>
            </w:r>
            <w:r>
              <w:t>05|NoUserInput|$: Milestone 1</w:t>
            </w:r>
            <w:r>
              <w:t>4</w:t>
            </w:r>
            <w:r>
              <w:t xml:space="preserve"> Service Fee | NUM|MULTIPLICATION | ThousandSeparated | MathValueFromArgument1: SEK/Hour | MathValueFromArgument2: Milesstone 1</w:t>
            </w:r>
            <w:r>
              <w:t>4</w:t>
            </w:r>
            <w:r>
              <w:t xml:space="preserve"> Hours Worked |COMMENT:59,900]} SEK</w:t>
            </w:r>
          </w:p>
          <w:p w14:paraId="6D903F1A" w14:textId="251BB616" w:rsidR="00B7063F" w:rsidRDefault="00B7063F" w:rsidP="00B7063F">
            <w:pPr>
              <w:jc w:val="center"/>
            </w:pPr>
            <w:r>
              <w:lastRenderedPageBreak/>
              <w:t>({[#:2</w:t>
            </w:r>
            <w:r>
              <w:t>8</w:t>
            </w:r>
            <w:r>
              <w:t>99|CopyFromArgument: SEK/Hour |INVISIBLE|COMMENT: 350]} SEK/hour, {[#:2</w:t>
            </w:r>
            <w:r>
              <w:t>8</w:t>
            </w:r>
            <w:r>
              <w:t>04|NoUserInput|$: Milesstone 1</w:t>
            </w:r>
            <w:r>
              <w:t>4</w:t>
            </w:r>
            <w:r>
              <w:t xml:space="preserve"> Hours Worked | MULTIPLICATION| MathValueFromArgument1: Workhours per Day | MathValueFromArgument2: Milestone1</w:t>
            </w:r>
            <w:r>
              <w:t>4</w:t>
            </w:r>
            <w:r>
              <w:t>workdays |COMMENT:  199]} hours){[#:2</w:t>
            </w:r>
            <w:r>
              <w:t>8</w:t>
            </w:r>
            <w:r>
              <w:t>09|NoUserInput| NoOutput |$: Milestone 1</w:t>
            </w:r>
            <w:r>
              <w:t>4</w:t>
            </w:r>
            <w:r>
              <w:t xml:space="preserve"> Fee Total | NUM| Addition| ThousandSeparated | MathValueFromArgument1: Milestone 1</w:t>
            </w:r>
            <w:r>
              <w:t>3</w:t>
            </w:r>
            <w:r>
              <w:t xml:space="preserve"> Fee Total | MathValueFromArgument2: Milestone 1</w:t>
            </w:r>
            <w:r>
              <w:t>4</w:t>
            </w:r>
            <w:r>
              <w:t xml:space="preserve"> Service Fee]}</w:t>
            </w:r>
          </w:p>
        </w:tc>
      </w:tr>
      <w:tr w:rsidR="00B7063F"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B7063F" w:rsidRDefault="00B7063F" w:rsidP="00B7063F">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19EC4C37" w:rsidR="00B7063F" w:rsidRDefault="00B7063F" w:rsidP="00B7063F">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Pr>
                <w:szCs w:val="22"/>
                <w:highlight w:val="red"/>
              </w:rPr>
              <w:t>1</w:t>
            </w:r>
            <w:r w:rsidR="00783F61">
              <w:rPr>
                <w:szCs w:val="22"/>
                <w:highlight w:val="red"/>
              </w:rPr>
              <w:t>4</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t xml:space="preserve"> COMMEN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Pr>
                <w:highlight w:val="red"/>
              </w:rPr>
              <w:t>1</w:t>
            </w:r>
            <w:r w:rsidR="00783F61">
              <w:rPr>
                <w:highlight w:val="red"/>
              </w:rPr>
              <w:t>4</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lastRenderedPageBreak/>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AC2D37"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36AAF8D" w14:textId="77777777" w:rsidR="00AC2D37" w:rsidRDefault="00AC2D37">
      <w:r>
        <w:separator/>
      </w:r>
    </w:p>
  </w:endnote>
  <w:endnote w:type="continuationSeparator" w:id="0">
    <w:p w14:paraId="668B575E" w14:textId="77777777" w:rsidR="00AC2D37" w:rsidRDefault="00AC2D3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BB36D5">
    <w:pPr>
      <w:pStyle w:val="Footer"/>
    </w:pPr>
    <w:fldSimple w:instr=" DOCPROPERTY DOCXDOCID DMS=NetDocuments Format=&lt;&lt;ID&gt;&gt;v.&lt;&lt;VER&gt;&gt; &lt;&lt;Client&gt;&gt;-&lt;&lt;Matter&gt;&gt; PRESERVELOCATION \* MERGEFORMAT ">
      <w:r w:rsidR="00695814">
        <w:t>4827-6207-9419v.1 0025936-003067</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B2FD22E" w14:textId="77777777" w:rsidR="00AC2D37" w:rsidRDefault="00AC2D37">
      <w:r>
        <w:separator/>
      </w:r>
    </w:p>
  </w:footnote>
  <w:footnote w:type="continuationSeparator" w:id="0">
    <w:p w14:paraId="63460455" w14:textId="77777777" w:rsidR="00AC2D37" w:rsidRDefault="00AC2D3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AC2D3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AC2D3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211C33"/>
    <w:rsid w:val="002C7E06"/>
    <w:rsid w:val="00452C4F"/>
    <w:rsid w:val="004D6E0F"/>
    <w:rsid w:val="005E7CCC"/>
    <w:rsid w:val="00695814"/>
    <w:rsid w:val="00743AC5"/>
    <w:rsid w:val="00783F61"/>
    <w:rsid w:val="00940104"/>
    <w:rsid w:val="00996121"/>
    <w:rsid w:val="00AA06B4"/>
    <w:rsid w:val="00AC2D37"/>
    <w:rsid w:val="00B7063F"/>
    <w:rsid w:val="00BB36D5"/>
    <w:rsid w:val="00BF294E"/>
    <w:rsid w:val="00BF480B"/>
    <w:rsid w:val="00C6024E"/>
    <w:rsid w:val="00D36942"/>
    <w:rsid w:val="00DA48C6"/>
    <w:rsid w:val="00E44BEF"/>
    <w:rsid w:val="00F1092A"/>
    <w:rsid w:val="00F37B7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5</TotalTime>
  <Pages>25</Pages>
  <Words>3584</Words>
  <Characters>18996</Characters>
  <Application>Microsoft Office Word</Application>
  <DocSecurity>0</DocSecurity>
  <Lines>158</Lines>
  <Paragraphs>45</Paragraphs>
  <ScaleCrop>false</ScaleCrop>
  <Company/>
  <LinksUpToDate>false</LinksUpToDate>
  <CharactersWithSpaces>225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7</cp:revision>
  <dcterms:created xsi:type="dcterms:W3CDTF">2021-02-12T18:15:00Z</dcterms:created>
  <dcterms:modified xsi:type="dcterms:W3CDTF">2021-02-12T18:20:00Z</dcterms:modified>
</cp:coreProperties>
</file>